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730"/>
  <workbookPr defaultThemeVersion="166925"/>
  <mc:AlternateContent xmlns:mc="http://schemas.openxmlformats.org/markup-compatibility/2006">
    <mc:Choice Requires="x15">
      <x15ac:absPath xmlns:x15ac="http://schemas.microsoft.com/office/spreadsheetml/2010/11/ac" url="C:\Users\s018\Desktop\8)  R2.5.25i以降　 再開後の対応\"/>
    </mc:Choice>
  </mc:AlternateContent>
  <xr:revisionPtr revIDLastSave="0" documentId="13_ncr:1_{BFA42346-E78B-46AC-960D-1BBA02889DD6}" xr6:coauthVersionLast="45" xr6:coauthVersionMax="45" xr10:uidLastSave="{00000000-0000-0000-0000-000000000000}"/>
  <bookViews>
    <workbookView xWindow="-120" yWindow="-120" windowWidth="20730" windowHeight="11160" xr2:uid="{78420281-7070-451B-9F50-4BA95BAE9A34}"/>
  </bookViews>
  <sheets>
    <sheet name="★貸館" sheetId="2" r:id="rId1"/>
  </sheets>
  <definedNames>
    <definedName name="_xlnm.Print_Titles" localSheetId="0">★貸館!$7:$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62" uniqueCount="14">
  <si>
    <t>No</t>
    <phoneticPr fontId="1"/>
  </si>
  <si>
    <t>□</t>
    <phoneticPr fontId="1"/>
  </si>
  <si>
    <t>連絡先</t>
    <rPh sb="0" eb="3">
      <t>レンラクサキ</t>
    </rPh>
    <phoneticPr fontId="1"/>
  </si>
  <si>
    <t>貸館利用団体の皆様へのお願い</t>
    <phoneticPr fontId="1"/>
  </si>
  <si>
    <t>月　　日</t>
    <rPh sb="0" eb="1">
      <t>ガツ</t>
    </rPh>
    <rPh sb="3" eb="4">
      <t>ニチ</t>
    </rPh>
    <phoneticPr fontId="1"/>
  </si>
  <si>
    <t>利用団体名　</t>
    <rPh sb="0" eb="2">
      <t>リヨウ</t>
    </rPh>
    <rPh sb="2" eb="4">
      <t>ダンタイ</t>
    </rPh>
    <rPh sb="4" eb="5">
      <t>メイ</t>
    </rPh>
    <phoneticPr fontId="1"/>
  </si>
  <si>
    <t>代表者氏名</t>
    <rPh sb="0" eb="2">
      <t>ダイヒョウ</t>
    </rPh>
    <rPh sb="2" eb="3">
      <t>シャ</t>
    </rPh>
    <rPh sb="3" eb="5">
      <t>シメイ</t>
    </rPh>
    <phoneticPr fontId="1"/>
  </si>
  <si>
    <t>【利用予定者】</t>
    <rPh sb="1" eb="3">
      <t>リヨウ</t>
    </rPh>
    <rPh sb="3" eb="5">
      <t>ヨテイ</t>
    </rPh>
    <rPh sb="5" eb="6">
      <t>シャ</t>
    </rPh>
    <phoneticPr fontId="1"/>
  </si>
  <si>
    <t>氏　名</t>
    <rPh sb="0" eb="1">
      <t>シ</t>
    </rPh>
    <rPh sb="2" eb="3">
      <t>ナ</t>
    </rPh>
    <phoneticPr fontId="1"/>
  </si>
  <si>
    <t>検温ﾁｪｯｸ
（37.5度以下）</t>
    <rPh sb="0" eb="2">
      <t>ケンオン</t>
    </rPh>
    <rPh sb="12" eb="13">
      <t>ド</t>
    </rPh>
    <rPh sb="13" eb="15">
      <t>イカ</t>
    </rPh>
    <phoneticPr fontId="1"/>
  </si>
  <si>
    <t>住　所</t>
    <rPh sb="0" eb="1">
      <t>ジュウ</t>
    </rPh>
    <rPh sb="2" eb="3">
      <t>ショ</t>
    </rPh>
    <phoneticPr fontId="1"/>
  </si>
  <si>
    <t>「利用施設名　　　　　　　　　　　　　　　　　　　　　　　　　　」</t>
    <rPh sb="1" eb="3">
      <t>リヨウ</t>
    </rPh>
    <rPh sb="3" eb="5">
      <t>シセツ</t>
    </rPh>
    <rPh sb="5" eb="6">
      <t>メイ</t>
    </rPh>
    <phoneticPr fontId="1"/>
  </si>
  <si>
    <t>（℡　　　　　　　　　　　　　　　　）</t>
    <phoneticPr fontId="1"/>
  </si>
  <si>
    <r>
      <t>　宮崎市総合福祉保健センターの利用に際し、「感染機会を減らすために、私たちができること」（別紙）の内容を理解し、新型コロナウイルスの感染拡大防止のための適切な対応に努めていただくとともに、参加者の方への周知をお願いいたします。
　個人情報に関しましては、新型コロナウイルス対策以外には使用いたしません。
　</t>
    </r>
    <r>
      <rPr>
        <u/>
        <sz val="14"/>
        <color theme="1"/>
        <rFont val="ＭＳ Ｐ明朝"/>
        <family val="1"/>
        <charset val="128"/>
      </rPr>
      <t>また、万一、新型コロナウイルスの感染者が発生した場合に備え、当日の利用者の氏名・連絡先を把握し、要請があった場合は連絡等について協力します。</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6"/>
      <name val="游ゴシック"/>
      <family val="2"/>
      <charset val="128"/>
      <scheme val="minor"/>
    </font>
    <font>
      <sz val="11"/>
      <color theme="1"/>
      <name val="ＭＳ Ｐ明朝"/>
      <family val="1"/>
      <charset val="128"/>
    </font>
    <font>
      <sz val="12"/>
      <color theme="1"/>
      <name val="ＭＳ Ｐ明朝"/>
      <family val="1"/>
      <charset val="128"/>
    </font>
    <font>
      <sz val="14"/>
      <color theme="1"/>
      <name val="ＭＳ Ｐ明朝"/>
      <family val="1"/>
      <charset val="128"/>
    </font>
    <font>
      <b/>
      <sz val="18"/>
      <color theme="1"/>
      <name val="游ゴシック"/>
      <family val="3"/>
      <charset val="128"/>
      <scheme val="minor"/>
    </font>
    <font>
      <sz val="9"/>
      <color theme="1"/>
      <name val="ＭＳ Ｐ明朝"/>
      <family val="1"/>
      <charset val="128"/>
    </font>
    <font>
      <u/>
      <sz val="14"/>
      <color theme="1"/>
      <name val="ＭＳ Ｐ明朝"/>
      <family val="1"/>
      <charset val="128"/>
    </font>
  </fonts>
  <fills count="2">
    <fill>
      <patternFill patternType="none"/>
    </fill>
    <fill>
      <patternFill patternType="gray125"/>
    </fill>
  </fills>
  <borders count="4">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6">
    <xf numFmtId="0" fontId="0" fillId="0" borderId="0" xfId="0">
      <alignment vertical="center"/>
    </xf>
    <xf numFmtId="0" fontId="0" fillId="0" borderId="1" xfId="0" applyBorder="1" applyAlignment="1">
      <alignment horizontal="center" vertical="center"/>
    </xf>
    <xf numFmtId="0" fontId="0" fillId="0" borderId="1" xfId="0" applyBorder="1">
      <alignment vertical="center"/>
    </xf>
    <xf numFmtId="0" fontId="5" fillId="0" borderId="0" xfId="0" applyFont="1">
      <alignment vertical="center"/>
    </xf>
    <xf numFmtId="0" fontId="0" fillId="0" borderId="0" xfId="0" applyBorder="1" applyAlignment="1">
      <alignment horizontal="left" vertical="center"/>
    </xf>
    <xf numFmtId="0" fontId="3" fillId="0" borderId="3" xfId="0" applyFont="1" applyBorder="1" applyAlignment="1">
      <alignment vertical="center"/>
    </xf>
    <xf numFmtId="0" fontId="3" fillId="0" borderId="3" xfId="0" applyFont="1" applyBorder="1">
      <alignment vertical="center"/>
    </xf>
    <xf numFmtId="0" fontId="3" fillId="0" borderId="0" xfId="0" applyFont="1">
      <alignment vertical="center"/>
    </xf>
    <xf numFmtId="0" fontId="3" fillId="0" borderId="2" xfId="0" applyFont="1" applyBorder="1" applyAlignment="1">
      <alignment vertical="center"/>
    </xf>
    <xf numFmtId="0" fontId="3" fillId="0" borderId="0" xfId="0" applyFont="1" applyAlignment="1"/>
    <xf numFmtId="0" fontId="2" fillId="0" borderId="1" xfId="0" applyFont="1" applyBorder="1" applyAlignment="1">
      <alignment horizontal="center" vertical="center"/>
    </xf>
    <xf numFmtId="0" fontId="6" fillId="0" borderId="1" xfId="0" applyFont="1" applyFill="1" applyBorder="1" applyAlignment="1">
      <alignment horizontal="center" vertical="center" wrapText="1"/>
    </xf>
    <xf numFmtId="0" fontId="4" fillId="0" borderId="0" xfId="0" applyFont="1" applyAlignment="1">
      <alignment horizontal="left" vertical="center"/>
    </xf>
    <xf numFmtId="0" fontId="3" fillId="0" borderId="0" xfId="0" applyFont="1" applyAlignment="1">
      <alignment horizontal="center" vertical="center"/>
    </xf>
    <xf numFmtId="0" fontId="4" fillId="0" borderId="0" xfId="0" applyFont="1" applyAlignment="1">
      <alignment horizontal="left" vertical="center" wrapText="1"/>
    </xf>
    <xf numFmtId="0" fontId="3" fillId="0" borderId="2" xfId="0" applyFont="1" applyBorder="1" applyAlignment="1">
      <alignment horizontal="center"/>
    </xf>
  </cellXfs>
  <cellStyles count="1">
    <cellStyle name="標準" xfId="0" builtinId="0"/>
  </cellStyles>
  <dxfs count="0"/>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5B06A0-243C-4835-8C14-89165109E7FD}">
  <sheetPr>
    <pageSetUpPr fitToPage="1"/>
  </sheetPr>
  <dimension ref="A1:E57"/>
  <sheetViews>
    <sheetView tabSelected="1" workbookViewId="0">
      <selection activeCell="G5" sqref="G5"/>
    </sheetView>
  </sheetViews>
  <sheetFormatPr defaultRowHeight="18.75" x14ac:dyDescent="0.4"/>
  <cols>
    <col min="1" max="1" width="6.75" customWidth="1"/>
    <col min="2" max="2" width="18.875" customWidth="1"/>
    <col min="3" max="3" width="40.5" customWidth="1"/>
    <col min="4" max="4" width="22" customWidth="1"/>
    <col min="5" max="5" width="11.25" customWidth="1"/>
  </cols>
  <sheetData>
    <row r="1" spans="1:5" ht="30" x14ac:dyDescent="0.4">
      <c r="A1" s="3" t="s">
        <v>3</v>
      </c>
    </row>
    <row r="2" spans="1:5" ht="136.5" customHeight="1" x14ac:dyDescent="0.4">
      <c r="A2" s="14" t="s">
        <v>13</v>
      </c>
      <c r="B2" s="14"/>
      <c r="C2" s="14"/>
      <c r="D2" s="14"/>
      <c r="E2" s="14"/>
    </row>
    <row r="3" spans="1:5" ht="33" customHeight="1" x14ac:dyDescent="0.4">
      <c r="A3" s="12" t="s">
        <v>11</v>
      </c>
      <c r="B3" s="12"/>
      <c r="C3" s="12"/>
      <c r="D3" s="12"/>
      <c r="E3" s="12"/>
    </row>
    <row r="4" spans="1:5" ht="37.5" customHeight="1" x14ac:dyDescent="0.4">
      <c r="A4" s="13" t="s">
        <v>4</v>
      </c>
      <c r="B4" s="13"/>
      <c r="C4" s="5" t="s">
        <v>5</v>
      </c>
      <c r="D4" s="5"/>
      <c r="E4" s="6"/>
    </row>
    <row r="5" spans="1:5" ht="37.5" customHeight="1" x14ac:dyDescent="0.15">
      <c r="A5" s="7"/>
      <c r="B5" s="7"/>
      <c r="C5" s="8" t="s">
        <v>6</v>
      </c>
      <c r="D5" s="15" t="s">
        <v>12</v>
      </c>
      <c r="E5" s="15"/>
    </row>
    <row r="6" spans="1:5" ht="21.75" customHeight="1" x14ac:dyDescent="0.15">
      <c r="A6" s="9" t="s">
        <v>7</v>
      </c>
    </row>
    <row r="7" spans="1:5" ht="22.5" x14ac:dyDescent="0.4">
      <c r="A7" s="10" t="s">
        <v>0</v>
      </c>
      <c r="B7" s="10" t="s">
        <v>8</v>
      </c>
      <c r="C7" s="10" t="s">
        <v>10</v>
      </c>
      <c r="D7" s="10" t="s">
        <v>2</v>
      </c>
      <c r="E7" s="11" t="s">
        <v>9</v>
      </c>
    </row>
    <row r="8" spans="1:5" ht="27.95" customHeight="1" x14ac:dyDescent="0.4">
      <c r="A8" s="1">
        <v>1</v>
      </c>
      <c r="B8" s="2"/>
      <c r="C8" s="2"/>
      <c r="D8" s="2"/>
      <c r="E8" s="1" t="s">
        <v>1</v>
      </c>
    </row>
    <row r="9" spans="1:5" ht="27.95" customHeight="1" x14ac:dyDescent="0.4">
      <c r="A9" s="1">
        <v>2</v>
      </c>
      <c r="B9" s="2"/>
      <c r="C9" s="2"/>
      <c r="D9" s="2"/>
      <c r="E9" s="1" t="s">
        <v>1</v>
      </c>
    </row>
    <row r="10" spans="1:5" ht="27.95" customHeight="1" x14ac:dyDescent="0.4">
      <c r="A10" s="1">
        <v>3</v>
      </c>
      <c r="B10" s="2"/>
      <c r="C10" s="2"/>
      <c r="D10" s="2"/>
      <c r="E10" s="1" t="s">
        <v>1</v>
      </c>
    </row>
    <row r="11" spans="1:5" ht="27.95" customHeight="1" x14ac:dyDescent="0.4">
      <c r="A11" s="1">
        <v>4</v>
      </c>
      <c r="B11" s="2"/>
      <c r="C11" s="2"/>
      <c r="D11" s="2"/>
      <c r="E11" s="1" t="s">
        <v>1</v>
      </c>
    </row>
    <row r="12" spans="1:5" ht="27.95" customHeight="1" x14ac:dyDescent="0.4">
      <c r="A12" s="1">
        <v>5</v>
      </c>
      <c r="B12" s="2"/>
      <c r="C12" s="2"/>
      <c r="D12" s="2"/>
      <c r="E12" s="1" t="s">
        <v>1</v>
      </c>
    </row>
    <row r="13" spans="1:5" ht="27.95" customHeight="1" x14ac:dyDescent="0.4">
      <c r="A13" s="1">
        <v>6</v>
      </c>
      <c r="B13" s="2"/>
      <c r="C13" s="2"/>
      <c r="D13" s="2"/>
      <c r="E13" s="1" t="s">
        <v>1</v>
      </c>
    </row>
    <row r="14" spans="1:5" ht="27.95" customHeight="1" x14ac:dyDescent="0.4">
      <c r="A14" s="1">
        <v>7</v>
      </c>
      <c r="B14" s="2"/>
      <c r="C14" s="2"/>
      <c r="D14" s="2"/>
      <c r="E14" s="1" t="s">
        <v>1</v>
      </c>
    </row>
    <row r="15" spans="1:5" ht="27.95" customHeight="1" x14ac:dyDescent="0.4">
      <c r="A15" s="1">
        <v>8</v>
      </c>
      <c r="B15" s="2"/>
      <c r="C15" s="2"/>
      <c r="D15" s="2"/>
      <c r="E15" s="1" t="s">
        <v>1</v>
      </c>
    </row>
    <row r="16" spans="1:5" ht="27.95" customHeight="1" x14ac:dyDescent="0.4">
      <c r="A16" s="1">
        <v>9</v>
      </c>
      <c r="B16" s="2"/>
      <c r="C16" s="2"/>
      <c r="D16" s="2"/>
      <c r="E16" s="1" t="s">
        <v>1</v>
      </c>
    </row>
    <row r="17" spans="1:5" ht="27.95" customHeight="1" x14ac:dyDescent="0.4">
      <c r="A17" s="1">
        <v>10</v>
      </c>
      <c r="B17" s="2"/>
      <c r="C17" s="2"/>
      <c r="D17" s="2"/>
      <c r="E17" s="1" t="s">
        <v>1</v>
      </c>
    </row>
    <row r="18" spans="1:5" ht="27.95" customHeight="1" x14ac:dyDescent="0.4">
      <c r="A18" s="1">
        <v>11</v>
      </c>
      <c r="B18" s="2"/>
      <c r="C18" s="2"/>
      <c r="D18" s="2"/>
      <c r="E18" s="1" t="s">
        <v>1</v>
      </c>
    </row>
    <row r="19" spans="1:5" ht="27.95" customHeight="1" x14ac:dyDescent="0.4">
      <c r="A19" s="1">
        <v>12</v>
      </c>
      <c r="B19" s="2"/>
      <c r="C19" s="2"/>
      <c r="D19" s="2"/>
      <c r="E19" s="1" t="s">
        <v>1</v>
      </c>
    </row>
    <row r="20" spans="1:5" ht="27.95" customHeight="1" x14ac:dyDescent="0.4">
      <c r="A20" s="1">
        <v>13</v>
      </c>
      <c r="B20" s="2"/>
      <c r="C20" s="2"/>
      <c r="D20" s="2"/>
      <c r="E20" s="1" t="s">
        <v>1</v>
      </c>
    </row>
    <row r="21" spans="1:5" ht="27.95" customHeight="1" x14ac:dyDescent="0.4">
      <c r="A21" s="1">
        <v>14</v>
      </c>
      <c r="B21" s="2"/>
      <c r="C21" s="2"/>
      <c r="D21" s="2"/>
      <c r="E21" s="1" t="s">
        <v>1</v>
      </c>
    </row>
    <row r="22" spans="1:5" ht="27.95" customHeight="1" x14ac:dyDescent="0.4">
      <c r="A22" s="1">
        <v>15</v>
      </c>
      <c r="B22" s="2"/>
      <c r="C22" s="2"/>
      <c r="D22" s="2"/>
      <c r="E22" s="1" t="s">
        <v>1</v>
      </c>
    </row>
    <row r="23" spans="1:5" ht="27.95" customHeight="1" x14ac:dyDescent="0.4">
      <c r="A23" s="1">
        <v>16</v>
      </c>
      <c r="B23" s="2"/>
      <c r="C23" s="2"/>
      <c r="D23" s="2"/>
      <c r="E23" s="1" t="s">
        <v>1</v>
      </c>
    </row>
    <row r="24" spans="1:5" ht="27.95" customHeight="1" x14ac:dyDescent="0.4">
      <c r="A24" s="1">
        <v>17</v>
      </c>
      <c r="B24" s="2"/>
      <c r="C24" s="2"/>
      <c r="D24" s="2"/>
      <c r="E24" s="1" t="s">
        <v>1</v>
      </c>
    </row>
    <row r="25" spans="1:5" ht="27.95" customHeight="1" x14ac:dyDescent="0.4">
      <c r="A25" s="1">
        <v>18</v>
      </c>
      <c r="B25" s="2"/>
      <c r="C25" s="2"/>
      <c r="D25" s="2"/>
      <c r="E25" s="1" t="s">
        <v>1</v>
      </c>
    </row>
    <row r="26" spans="1:5" ht="27.95" customHeight="1" x14ac:dyDescent="0.4">
      <c r="A26" s="1">
        <v>19</v>
      </c>
      <c r="B26" s="2"/>
      <c r="C26" s="2"/>
      <c r="D26" s="2"/>
      <c r="E26" s="1" t="s">
        <v>1</v>
      </c>
    </row>
    <row r="27" spans="1:5" ht="27.95" customHeight="1" x14ac:dyDescent="0.4">
      <c r="A27" s="1">
        <v>20</v>
      </c>
      <c r="B27" s="2"/>
      <c r="C27" s="2"/>
      <c r="D27" s="2"/>
      <c r="E27" s="1" t="s">
        <v>1</v>
      </c>
    </row>
    <row r="28" spans="1:5" ht="27.95" customHeight="1" x14ac:dyDescent="0.4">
      <c r="A28" s="1">
        <v>21</v>
      </c>
      <c r="B28" s="2"/>
      <c r="C28" s="2"/>
      <c r="D28" s="2"/>
      <c r="E28" s="1" t="s">
        <v>1</v>
      </c>
    </row>
    <row r="29" spans="1:5" ht="27.95" customHeight="1" x14ac:dyDescent="0.4">
      <c r="A29" s="1">
        <v>22</v>
      </c>
      <c r="B29" s="2"/>
      <c r="C29" s="2"/>
      <c r="D29" s="2"/>
      <c r="E29" s="1" t="s">
        <v>1</v>
      </c>
    </row>
    <row r="30" spans="1:5" ht="27.95" customHeight="1" x14ac:dyDescent="0.4">
      <c r="A30" s="1">
        <v>23</v>
      </c>
      <c r="B30" s="2"/>
      <c r="C30" s="2"/>
      <c r="D30" s="2"/>
      <c r="E30" s="1" t="s">
        <v>1</v>
      </c>
    </row>
    <row r="31" spans="1:5" ht="27.95" customHeight="1" x14ac:dyDescent="0.4">
      <c r="A31" s="1">
        <v>24</v>
      </c>
      <c r="B31" s="2"/>
      <c r="C31" s="2"/>
      <c r="D31" s="2"/>
      <c r="E31" s="1" t="s">
        <v>1</v>
      </c>
    </row>
    <row r="32" spans="1:5" ht="27.95" customHeight="1" x14ac:dyDescent="0.4">
      <c r="A32" s="1">
        <v>25</v>
      </c>
      <c r="B32" s="2"/>
      <c r="C32" s="2"/>
      <c r="D32" s="2"/>
      <c r="E32" s="1" t="s">
        <v>1</v>
      </c>
    </row>
    <row r="33" spans="1:5" ht="27.95" customHeight="1" x14ac:dyDescent="0.4">
      <c r="A33" s="1">
        <v>26</v>
      </c>
      <c r="B33" s="2"/>
      <c r="C33" s="2"/>
      <c r="D33" s="2"/>
      <c r="E33" s="1" t="s">
        <v>1</v>
      </c>
    </row>
    <row r="34" spans="1:5" ht="27.95" customHeight="1" x14ac:dyDescent="0.4">
      <c r="A34" s="1">
        <v>27</v>
      </c>
      <c r="B34" s="2"/>
      <c r="C34" s="2"/>
      <c r="D34" s="2"/>
      <c r="E34" s="1" t="s">
        <v>1</v>
      </c>
    </row>
    <row r="35" spans="1:5" ht="27.95" customHeight="1" x14ac:dyDescent="0.4">
      <c r="A35" s="1">
        <v>28</v>
      </c>
      <c r="B35" s="2"/>
      <c r="C35" s="2"/>
      <c r="D35" s="2"/>
      <c r="E35" s="1" t="s">
        <v>1</v>
      </c>
    </row>
    <row r="36" spans="1:5" ht="27.95" customHeight="1" x14ac:dyDescent="0.4">
      <c r="A36" s="1">
        <v>29</v>
      </c>
      <c r="B36" s="2"/>
      <c r="C36" s="2"/>
      <c r="D36" s="2"/>
      <c r="E36" s="1" t="s">
        <v>1</v>
      </c>
    </row>
    <row r="37" spans="1:5" ht="27.95" customHeight="1" x14ac:dyDescent="0.4">
      <c r="A37" s="1">
        <v>30</v>
      </c>
      <c r="B37" s="2"/>
      <c r="C37" s="2"/>
      <c r="D37" s="2"/>
      <c r="E37" s="1" t="s">
        <v>1</v>
      </c>
    </row>
    <row r="38" spans="1:5" ht="27.95" customHeight="1" x14ac:dyDescent="0.4">
      <c r="A38" s="1">
        <v>31</v>
      </c>
      <c r="B38" s="2"/>
      <c r="C38" s="2"/>
      <c r="D38" s="2"/>
      <c r="E38" s="1" t="s">
        <v>1</v>
      </c>
    </row>
    <row r="39" spans="1:5" ht="27.95" customHeight="1" x14ac:dyDescent="0.4">
      <c r="A39" s="1">
        <v>32</v>
      </c>
      <c r="B39" s="2"/>
      <c r="C39" s="2"/>
      <c r="D39" s="2"/>
      <c r="E39" s="1" t="s">
        <v>1</v>
      </c>
    </row>
    <row r="40" spans="1:5" ht="27.95" customHeight="1" x14ac:dyDescent="0.4">
      <c r="A40" s="1">
        <v>33</v>
      </c>
      <c r="B40" s="2"/>
      <c r="C40" s="2"/>
      <c r="D40" s="2"/>
      <c r="E40" s="1" t="s">
        <v>1</v>
      </c>
    </row>
    <row r="41" spans="1:5" ht="27.95" customHeight="1" x14ac:dyDescent="0.4">
      <c r="A41" s="1">
        <v>34</v>
      </c>
      <c r="B41" s="2"/>
      <c r="C41" s="2"/>
      <c r="D41" s="2"/>
      <c r="E41" s="1" t="s">
        <v>1</v>
      </c>
    </row>
    <row r="42" spans="1:5" ht="27.95" customHeight="1" x14ac:dyDescent="0.4">
      <c r="A42" s="1">
        <v>35</v>
      </c>
      <c r="B42" s="2"/>
      <c r="C42" s="2"/>
      <c r="D42" s="2"/>
      <c r="E42" s="1" t="s">
        <v>1</v>
      </c>
    </row>
    <row r="43" spans="1:5" ht="27.95" customHeight="1" x14ac:dyDescent="0.4">
      <c r="A43" s="1">
        <v>36</v>
      </c>
      <c r="B43" s="2"/>
      <c r="C43" s="2"/>
      <c r="D43" s="2"/>
      <c r="E43" s="1" t="s">
        <v>1</v>
      </c>
    </row>
    <row r="44" spans="1:5" ht="27.95" customHeight="1" x14ac:dyDescent="0.4">
      <c r="A44" s="1">
        <v>37</v>
      </c>
      <c r="B44" s="2"/>
      <c r="C44" s="2"/>
      <c r="D44" s="2"/>
      <c r="E44" s="1" t="s">
        <v>1</v>
      </c>
    </row>
    <row r="45" spans="1:5" ht="27.95" customHeight="1" x14ac:dyDescent="0.4">
      <c r="A45" s="1">
        <v>38</v>
      </c>
      <c r="B45" s="2"/>
      <c r="C45" s="2"/>
      <c r="D45" s="2"/>
      <c r="E45" s="1" t="s">
        <v>1</v>
      </c>
    </row>
    <row r="46" spans="1:5" ht="27.95" customHeight="1" x14ac:dyDescent="0.4">
      <c r="A46" s="1">
        <v>39</v>
      </c>
      <c r="B46" s="2"/>
      <c r="C46" s="2"/>
      <c r="D46" s="2"/>
      <c r="E46" s="1" t="s">
        <v>1</v>
      </c>
    </row>
    <row r="47" spans="1:5" ht="27.95" customHeight="1" x14ac:dyDescent="0.4">
      <c r="A47" s="1">
        <v>40</v>
      </c>
      <c r="B47" s="2"/>
      <c r="C47" s="2"/>
      <c r="D47" s="2"/>
      <c r="E47" s="1" t="s">
        <v>1</v>
      </c>
    </row>
    <row r="48" spans="1:5" ht="27.95" customHeight="1" x14ac:dyDescent="0.4">
      <c r="A48" s="1">
        <v>41</v>
      </c>
      <c r="B48" s="2"/>
      <c r="C48" s="2"/>
      <c r="D48" s="2"/>
      <c r="E48" s="1" t="s">
        <v>1</v>
      </c>
    </row>
    <row r="49" spans="1:5" ht="27.95" customHeight="1" x14ac:dyDescent="0.4">
      <c r="A49" s="1">
        <v>42</v>
      </c>
      <c r="B49" s="2"/>
      <c r="C49" s="2"/>
      <c r="D49" s="2"/>
      <c r="E49" s="1" t="s">
        <v>1</v>
      </c>
    </row>
    <row r="50" spans="1:5" ht="27.95" customHeight="1" x14ac:dyDescent="0.4">
      <c r="A50" s="1">
        <v>43</v>
      </c>
      <c r="B50" s="2"/>
      <c r="C50" s="2"/>
      <c r="D50" s="2"/>
      <c r="E50" s="1" t="s">
        <v>1</v>
      </c>
    </row>
    <row r="51" spans="1:5" ht="27.95" customHeight="1" x14ac:dyDescent="0.4">
      <c r="A51" s="1">
        <v>44</v>
      </c>
      <c r="B51" s="2"/>
      <c r="C51" s="2"/>
      <c r="D51" s="2"/>
      <c r="E51" s="1" t="s">
        <v>1</v>
      </c>
    </row>
    <row r="52" spans="1:5" ht="27.95" customHeight="1" x14ac:dyDescent="0.4">
      <c r="A52" s="1">
        <v>45</v>
      </c>
      <c r="B52" s="2"/>
      <c r="C52" s="2"/>
      <c r="D52" s="2"/>
      <c r="E52" s="1" t="s">
        <v>1</v>
      </c>
    </row>
    <row r="53" spans="1:5" ht="27.95" customHeight="1" x14ac:dyDescent="0.4">
      <c r="A53" s="1">
        <v>46</v>
      </c>
      <c r="B53" s="2"/>
      <c r="C53" s="2"/>
      <c r="D53" s="2"/>
      <c r="E53" s="1" t="s">
        <v>1</v>
      </c>
    </row>
    <row r="54" spans="1:5" ht="27.95" customHeight="1" x14ac:dyDescent="0.4">
      <c r="A54" s="1">
        <v>47</v>
      </c>
      <c r="B54" s="2"/>
      <c r="C54" s="2"/>
      <c r="D54" s="2"/>
      <c r="E54" s="1" t="s">
        <v>1</v>
      </c>
    </row>
    <row r="55" spans="1:5" ht="27.95" customHeight="1" x14ac:dyDescent="0.4">
      <c r="A55" s="1">
        <v>48</v>
      </c>
      <c r="B55" s="2"/>
      <c r="C55" s="2"/>
      <c r="D55" s="2"/>
      <c r="E55" s="1" t="s">
        <v>1</v>
      </c>
    </row>
    <row r="56" spans="1:5" ht="27.95" customHeight="1" x14ac:dyDescent="0.4">
      <c r="A56" s="1">
        <v>49</v>
      </c>
      <c r="B56" s="2"/>
      <c r="C56" s="2"/>
      <c r="D56" s="2"/>
      <c r="E56" s="1" t="s">
        <v>1</v>
      </c>
    </row>
    <row r="57" spans="1:5" x14ac:dyDescent="0.4">
      <c r="A57" s="4"/>
    </row>
  </sheetData>
  <mergeCells count="4">
    <mergeCell ref="A3:E3"/>
    <mergeCell ref="A4:B4"/>
    <mergeCell ref="A2:E2"/>
    <mergeCell ref="D5:E5"/>
  </mergeCells>
  <phoneticPr fontId="1"/>
  <pageMargins left="0.51181102362204722" right="0.51181102362204722" top="0.70866141732283472" bottom="0.62992125984251968" header="0.31496062992125984" footer="0.31496062992125984"/>
  <pageSetup paperSize="9" scale="85"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貸館</vt:lpstr>
      <vt:lpstr>★貸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18</dc:creator>
  <cp:lastModifiedBy>s018</cp:lastModifiedBy>
  <cp:lastPrinted>2020-05-21T09:18:57Z</cp:lastPrinted>
  <dcterms:created xsi:type="dcterms:W3CDTF">2020-05-19T01:05:01Z</dcterms:created>
  <dcterms:modified xsi:type="dcterms:W3CDTF">2020-05-22T07:14:01Z</dcterms:modified>
</cp:coreProperties>
</file>